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  <p:sldMasterId id="2147483672" r:id="rId2"/>
  </p:sldMasterIdLst>
  <p:sldIdLst>
    <p:sldId id="268" r:id="rId3"/>
    <p:sldId id="284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1921"/>
    <a:srgbClr val="C60808"/>
    <a:srgbClr val="FF9B00"/>
    <a:srgbClr val="FEBD69"/>
    <a:srgbClr val="232F3E"/>
    <a:srgbClr val="F8981D"/>
    <a:srgbClr val="313D4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452" autoAdjust="0"/>
    <p:restoredTop sz="94660"/>
  </p:normalViewPr>
  <p:slideViewPr>
    <p:cSldViewPr snapToGrid="0">
      <p:cViewPr varScale="1">
        <p:scale>
          <a:sx n="121" d="100"/>
          <a:sy n="121" d="100"/>
        </p:scale>
        <p:origin x="108" y="19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9782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438274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906220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C660AB-928F-4602-A8B6-F39C5185499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07E1725-7BDA-4156-91C1-7E2A937DC1D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CD0983-C74F-49B1-A4A1-6606BF9ED9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D65838-7C15-47B9-A98E-5353FC175B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D42C29-65B0-4A4A-8107-9F87C9E4A3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66590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82101E-C58D-4558-8F44-8C8649DC55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24F7577-2433-49F9-9D51-64292CAE0B5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0CC11E-255C-4136-9D8E-1CA7C433D6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F8D570-DF9B-4022-BA14-531B41EB27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CCE251-5071-47D6-A1AC-C3AAA1A01F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00713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62D1EE-C505-45C8-924F-B9461F2E66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02E57-0051-4B40-8D0F-B1931A3AE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17D12D-F230-4DA9-9252-D07CD76706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5B2C963-7700-46AF-8430-B3336820E6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7691B-A20A-4B2D-8FD5-FA37BA44D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87235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E91888-DB25-4C13-9ABA-056C2D3DDD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E89383-84B1-4538-9084-FBB46B58875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104FFDE-0D44-413A-BC7D-07AEC4DD214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BDC7D-1F57-46BC-A11C-698CA0134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7D6D15F-CC93-4BDF-ABDE-30F0425EE0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A20205-4297-4858-ACB2-71C66F9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3203096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A6262CD-4062-4985-ADE0-83A352B2A16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F71438C-AFA9-48B6-BB52-351959689F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A9D6D2-45F5-44B2-9DA7-6C6CB41F1BB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90E26EF-13AA-4D53-B4D3-F38FAF886A1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951DC7D-1517-4B8C-8FC0-DD8FFA18CEB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3AD5184-4914-4BF2-A070-1DE5018DE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1AE1F58-55F5-44C3-B3AA-918DD51F409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06BEF75-49B3-4C01-BEBE-AC7B0E15FD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547996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4F3675-39EA-4609-8C75-B6FD3AB1C0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BFE5DD0-7586-4C18-BD47-8025BDA02A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6F19C84-6ABA-4C55-9380-CFDFA9EA6D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640E79E-9B43-4480-AEEF-17262E562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83115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9556164-7609-4880-BB63-DB589FBD3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C4100E4-A139-4972-A479-ED466871FE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64B0A16-CB2A-4EA8-99CF-D14860E3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263101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6CFE36-5BD5-4C4E-AFE1-3AC4BCD0EF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3335F5-33EF-4B50-AFBB-8BD2DC44B0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BB05270-AAE4-436E-8889-07A99859090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350AEE-D3E4-408F-9338-FEB35F0988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C36221F-D902-49D3-A886-8A844F56E1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0E8F62B-ED02-4A66-94DE-AD585C41B1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66553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2443209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CA9607-10B1-4F26-8E92-625E18AB1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E445722-B13F-49A2-9480-E10A83DB42D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FE1AA31-63C6-46B6-9FA1-282243BA19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AF9DC22-F071-420A-96B9-9852C86F02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6E6D6D1-34F5-435F-964F-E0BDF300BE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24C4A86-1141-4995-930D-E35ACEDA0B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6752658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3B8A77-A07C-4D93-BB08-3817B2D016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950B044-E5EC-4CA2-869E-590C1F3FFFC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5FCEED-7E21-4350-BE10-64697EF7C3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FB4EE8-F2FD-40C5-90D5-71A0D4473F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8DBAB3-2848-4D1A-BACA-3436C7ADB6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060530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359-A85E-4911-9C9E-8B6FC62C3B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B8E1672-AE98-4227-9D4E-2400FAC74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41899-DD4A-408D-A37D-4EDB9F11A0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E9ABA-B811-4F24-BAC8-1DDC4FD6E7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EEBBC-7D32-4EC2-814B-9188510ABE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78405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9077668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5916308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739375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535764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739211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814371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733022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E63E5BD-0C8E-4D96-A8E0-C30D84526D0C}" type="datetimeFigureOut">
              <a:rPr lang="ro-RO" smtClean="0"/>
              <a:t>26.07.2022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45FF93C-EC2D-4A30-A824-E05EF3D60BD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24798569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B1E77DB-5579-4496-A8AE-E9063CBCDE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CC7E26E-A5CE-4151-8983-319865F3129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8589CF-186A-4B47-8686-AEC085D8CD1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E993DF4-FC65-4116-9ED1-787E8E235FEF}" type="datetimeFigureOut">
              <a:rPr lang="en-GB" smtClean="0"/>
              <a:t>26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B38CE9B-14CC-4AE9-AA89-4A21C816171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A75C41-E182-4B26-B601-B8A05AD5912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FEBFBAA-A1D6-43A0-98D4-E04177DDCF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06203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image" Target="../media/image4.png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232F3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TLSHAPE_SL_0d79abd205bd4135b44f6cdde4489e44_BackgroundRectangle">
            <a:extLst>
              <a:ext uri="{FF2B5EF4-FFF2-40B4-BE49-F238E27FC236}">
                <a16:creationId xmlns:a16="http://schemas.microsoft.com/office/drawing/2014/main" id="{6EC9EA49-F8C7-47EC-A1E0-2DC4F78483D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445260"/>
            <a:ext cx="11201400" cy="1166749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_89730f7f39ba45f78547ff3cf954da1d_BackgroundRectangle">
            <a:extLst>
              <a:ext uri="{FF2B5EF4-FFF2-40B4-BE49-F238E27FC236}">
                <a16:creationId xmlns:a16="http://schemas.microsoft.com/office/drawing/2014/main" id="{CE012DA9-DBDF-413E-BEB9-85F3383DF08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75509"/>
            <a:ext cx="11201400" cy="827363"/>
          </a:xfrm>
          <a:prstGeom prst="rect">
            <a:avLst/>
          </a:prstGeom>
          <a:solidFill>
            <a:srgbClr val="FF9B00">
              <a:alpha val="1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153451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OTLSHAPE_SL_82a4d17ec1e84afbb1f0d2fbf451b437_BackgroundRectangle">
            <a:extLst>
              <a:ext uri="{FF2B5EF4-FFF2-40B4-BE49-F238E27FC236}">
                <a16:creationId xmlns:a16="http://schemas.microsoft.com/office/drawing/2014/main" id="{C473A345-AB28-4012-BAA5-C5B6A41921A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66371"/>
            <a:ext cx="11201400" cy="1642025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8d7024ab0d994f1492ff0a766814e012_BackgroundRectangle">
            <a:extLst>
              <a:ext uri="{FF2B5EF4-FFF2-40B4-BE49-F238E27FC236}">
                <a16:creationId xmlns:a16="http://schemas.microsoft.com/office/drawing/2014/main" id="{D6DAFA16-88CC-4F2E-986A-EB8611708DF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71897"/>
            <a:ext cx="11201400" cy="1362329"/>
          </a:xfrm>
          <a:prstGeom prst="rect">
            <a:avLst/>
          </a:prstGeom>
          <a:solidFill>
            <a:srgbClr val="FF9B00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84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1746165" y="861060"/>
            <a:ext cx="9525000" cy="381000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o-RO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_0d79abd205bd4135b44f6cdde4489e44_HeaderRectangle">
            <a:extLst>
              <a:ext uri="{FF2B5EF4-FFF2-40B4-BE49-F238E27FC236}">
                <a16:creationId xmlns:a16="http://schemas.microsoft.com/office/drawing/2014/main" id="{E7810C17-D0E3-46E5-8E03-2E88C5E839E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445260"/>
            <a:ext cx="1562100" cy="1166749"/>
          </a:xfrm>
          <a:prstGeom prst="rect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SL_89730f7f39ba45f78547ff3cf954da1d_HeaderRectangle">
            <a:extLst>
              <a:ext uri="{FF2B5EF4-FFF2-40B4-BE49-F238E27FC236}">
                <a16:creationId xmlns:a16="http://schemas.microsoft.com/office/drawing/2014/main" id="{CE8A71AB-F0A2-4DDB-8F6F-B8FAA4DE2C6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2675509"/>
            <a:ext cx="1562100" cy="827363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SL_82a4d17ec1e84afbb1f0d2fbf451b437_HeaderRectangle">
            <a:extLst>
              <a:ext uri="{FF2B5EF4-FFF2-40B4-BE49-F238E27FC236}">
                <a16:creationId xmlns:a16="http://schemas.microsoft.com/office/drawing/2014/main" id="{99218936-9FC6-4C78-BC07-C6FB8501CDFF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566371"/>
            <a:ext cx="1562100" cy="1642025"/>
          </a:xfrm>
          <a:prstGeom prst="rect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_8d7024ab0d994f1492ff0a766814e012_HeaderRectangle">
            <a:extLst>
              <a:ext uri="{FF2B5EF4-FFF2-40B4-BE49-F238E27FC236}">
                <a16:creationId xmlns:a16="http://schemas.microsoft.com/office/drawing/2014/main" id="{26239205-AE99-4651-BD55-12873468FC2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71897"/>
            <a:ext cx="1562100" cy="1362329"/>
          </a:xfrm>
          <a:prstGeom prst="rect">
            <a:avLst/>
          </a:prstGeom>
          <a:solidFill>
            <a:srgbClr val="FEBD6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55" name="OTLSHAPE_SLM_6c6b095a686c491190e0c4de5f26901c_Shape">
            <a:extLst>
              <a:ext uri="{FF2B5EF4-FFF2-40B4-BE49-F238E27FC236}">
                <a16:creationId xmlns:a16="http://schemas.microsoft.com/office/drawing/2014/main" id="{F50AECD8-DD53-4AF8-95BC-5E15A289C98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 rot="16200000">
            <a:off x="5991913" y="1655741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6" name="OTLSHAPE_SLM_79af8ac6c9474c3187f246703d5789d9_Shape">
            <a:extLst>
              <a:ext uri="{FF2B5EF4-FFF2-40B4-BE49-F238E27FC236}">
                <a16:creationId xmlns:a16="http://schemas.microsoft.com/office/drawing/2014/main" id="{824615A6-9F56-4ACF-86BC-9CD835406B7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4989287" y="2879640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7" name="OTLSHAPE_SLM_41339b17e57e42c2853212570879e5d6_Shape">
            <a:extLst>
              <a:ext uri="{FF2B5EF4-FFF2-40B4-BE49-F238E27FC236}">
                <a16:creationId xmlns:a16="http://schemas.microsoft.com/office/drawing/2014/main" id="{A1E3D484-3BDC-4877-A152-4B199430F9A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412786" y="3286971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5" name="OTLSHAPE_SLM_627dd14d5955498ea99c7766a79d5777_Shape">
            <a:extLst>
              <a:ext uri="{FF2B5EF4-FFF2-40B4-BE49-F238E27FC236}">
                <a16:creationId xmlns:a16="http://schemas.microsoft.com/office/drawing/2014/main" id="{3E837B73-D6AB-4EA5-A337-364427B226C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836284" y="2879640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34" name="OTLSHAPE_SLM_1cbcd6d64b32418abeba475dfbc735ff_Shape">
            <a:extLst>
              <a:ext uri="{FF2B5EF4-FFF2-40B4-BE49-F238E27FC236}">
                <a16:creationId xmlns:a16="http://schemas.microsoft.com/office/drawing/2014/main" id="{B2969C93-A925-4CD7-AFDA-B311FC739FDF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159847" y="2879640"/>
            <a:ext cx="152400" cy="177800"/>
          </a:xfrm>
          <a:prstGeom prst="chevron">
            <a:avLst>
              <a:gd name="adj" fmla="val 30000"/>
            </a:avLst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4040" name="OTLSHAPE_SLM_42e9c46fda734a40850f814cc68e04d0_Shape">
            <a:extLst>
              <a:ext uri="{FF2B5EF4-FFF2-40B4-BE49-F238E27FC236}">
                <a16:creationId xmlns:a16="http://schemas.microsoft.com/office/drawing/2014/main" id="{ED4F09AD-42E1-4AB5-94CF-2968F35C42C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6214501" y="372795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8" name="OTLSHAPE_SLM_8d3a5b2e890544579ee7df0573826d2b_Shape">
            <a:extLst>
              <a:ext uri="{FF2B5EF4-FFF2-40B4-BE49-F238E27FC236}">
                <a16:creationId xmlns:a16="http://schemas.microsoft.com/office/drawing/2014/main" id="{D9B09644-3F81-45F2-9798-783712DD8E3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 flipV="1">
            <a:off x="5277341" y="4135289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1" name="OTLSHAPE_SLM_610c06375c164e8c9d57359713e9d06a_Shape">
            <a:extLst>
              <a:ext uri="{FF2B5EF4-FFF2-40B4-BE49-F238E27FC236}">
                <a16:creationId xmlns:a16="http://schemas.microsoft.com/office/drawing/2014/main" id="{D016D6DB-DAFD-4858-8080-33E81617263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flipV="1">
            <a:off x="8880770" y="372795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39" name="OTLSHAPE_SLM_2644f6b3ddea4ac1ad594968681a1838_Shape">
            <a:extLst>
              <a:ext uri="{FF2B5EF4-FFF2-40B4-BE49-F238E27FC236}">
                <a16:creationId xmlns:a16="http://schemas.microsoft.com/office/drawing/2014/main" id="{7ECFAFEC-4A85-4F31-BB37-56D1942053E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flipV="1">
            <a:off x="7006844" y="3727958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2" name="OTLSHAPE_SLM_15bc96ebda78484f9c37f3826174da4b_Shape">
            <a:extLst>
              <a:ext uri="{FF2B5EF4-FFF2-40B4-BE49-F238E27FC236}">
                <a16:creationId xmlns:a16="http://schemas.microsoft.com/office/drawing/2014/main" id="{DE699253-F6A5-480B-A643-EA05C6CAD4C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 flipV="1">
            <a:off x="9534612" y="4135289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3" name="OTLSHAPE_SLM_d5db097ac2ba4319ae894be41a24788d_Shape">
            <a:extLst>
              <a:ext uri="{FF2B5EF4-FFF2-40B4-BE49-F238E27FC236}">
                <a16:creationId xmlns:a16="http://schemas.microsoft.com/office/drawing/2014/main" id="{057998E4-70B1-425D-8224-1835E191A02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 flipV="1">
            <a:off x="6574765" y="4135289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6" name="OTLSHAPE_SLM_b3c1c87bf1be4ce08fc2f404bd0fa129_Shape">
            <a:extLst>
              <a:ext uri="{FF2B5EF4-FFF2-40B4-BE49-F238E27FC236}">
                <a16:creationId xmlns:a16="http://schemas.microsoft.com/office/drawing/2014/main" id="{6DA7CD43-B3B9-4089-AB5A-149454C351E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6718791" y="4585165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69" name="OTLSHAPE_SLM_916ce539e9284b0488049ab6c13a4f83_Shape">
            <a:extLst>
              <a:ext uri="{FF2B5EF4-FFF2-40B4-BE49-F238E27FC236}">
                <a16:creationId xmlns:a16="http://schemas.microsoft.com/office/drawing/2014/main" id="{5E7E51F5-A421-4A50-878D-20158EDD6B0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6856468" y="2408809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4" name="OTLSHAPE_SLM_6a4dfc9b1e004d9f894c7e2309043d13_Shape">
            <a:extLst>
              <a:ext uri="{FF2B5EF4-FFF2-40B4-BE49-F238E27FC236}">
                <a16:creationId xmlns:a16="http://schemas.microsoft.com/office/drawing/2014/main" id="{81C6F0DD-D15B-42AA-8CF5-5E28EA8D913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flipV="1">
            <a:off x="8880770" y="4585165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3" name="OTLSHAPE_SLM_7bccf882f12941c2817a10184164e27b_Shape">
            <a:extLst>
              <a:ext uri="{FF2B5EF4-FFF2-40B4-BE49-F238E27FC236}">
                <a16:creationId xmlns:a16="http://schemas.microsoft.com/office/drawing/2014/main" id="{D27B5CA0-4902-4D18-BA45-D8CC6D557D28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6224329" y="205672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22" name="OTLSHAPE_SLM_77ab58fe64e34e36a6e1102d9b00642f_Shape">
            <a:extLst>
              <a:ext uri="{FF2B5EF4-FFF2-40B4-BE49-F238E27FC236}">
                <a16:creationId xmlns:a16="http://schemas.microsoft.com/office/drawing/2014/main" id="{5EBB52EF-3F94-4FFB-BE9F-4A4FA80D1F0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7454671" y="1655741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24" name="OTLSHAPE_SLM_f26e7b29a33c42dc9e320cd393e5a0ae_Shape">
            <a:extLst>
              <a:ext uri="{FF2B5EF4-FFF2-40B4-BE49-F238E27FC236}">
                <a16:creationId xmlns:a16="http://schemas.microsoft.com/office/drawing/2014/main" id="{37C694F9-FB1E-4B07-9D3F-226B862CB8E4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9382261" y="205672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56" name="OTLSHAPE_SLM_58dad2093d044c578b04aaa3eaded399_Shape">
            <a:extLst>
              <a:ext uri="{FF2B5EF4-FFF2-40B4-BE49-F238E27FC236}">
                <a16:creationId xmlns:a16="http://schemas.microsoft.com/office/drawing/2014/main" id="{97162CBE-AC34-42C2-BB4C-126F83C0810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9771725" y="2056723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21" name="OTLSHAPE_SLM_167e2f5fc03c46f6a61e9e49a272d0b3_Shape">
            <a:extLst>
              <a:ext uri="{FF2B5EF4-FFF2-40B4-BE49-F238E27FC236}">
                <a16:creationId xmlns:a16="http://schemas.microsoft.com/office/drawing/2014/main" id="{75D456F3-2A2E-4274-9D61-2FA82B1F73D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9770147" y="1655741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49" name="OTLSHAPE_SLM_931b77490a854480ba9afe6cd8f9ba8a_Shape">
            <a:extLst>
              <a:ext uri="{FF2B5EF4-FFF2-40B4-BE49-F238E27FC236}">
                <a16:creationId xmlns:a16="http://schemas.microsoft.com/office/drawing/2014/main" id="{1C1273A5-31BF-48B6-8CF8-6BD083DE75D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8876823" y="5476028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1" name="OTLSHAPE_SLM_7957f1dc9824497bb0fedb139ff2707f_Shape">
            <a:extLst>
              <a:ext uri="{FF2B5EF4-FFF2-40B4-BE49-F238E27FC236}">
                <a16:creationId xmlns:a16="http://schemas.microsoft.com/office/drawing/2014/main" id="{D490AB61-DF02-451A-A274-4D77AF6C811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521589" y="5925905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0" name="OTLSHAPE_SLM_f362515aa2a6484692614906fa44215f_Shape">
            <a:extLst>
              <a:ext uri="{FF2B5EF4-FFF2-40B4-BE49-F238E27FC236}">
                <a16:creationId xmlns:a16="http://schemas.microsoft.com/office/drawing/2014/main" id="{5608A3C3-DDA8-4978-B691-EE64EB315C7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705076" y="5476028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3" name="OTLSHAPE_SLM_218267206c774e66a15e269cc521172a_Shape">
            <a:extLst>
              <a:ext uri="{FF2B5EF4-FFF2-40B4-BE49-F238E27FC236}">
                <a16:creationId xmlns:a16="http://schemas.microsoft.com/office/drawing/2014/main" id="{3F60BE6C-9B32-42C6-AE3F-C5AA42157F71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9601692" y="6375781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2" name="OTLSHAPE_SLM_f9b2556f0b10415d9dba199203b10564_Shape">
            <a:extLst>
              <a:ext uri="{FF2B5EF4-FFF2-40B4-BE49-F238E27FC236}">
                <a16:creationId xmlns:a16="http://schemas.microsoft.com/office/drawing/2014/main" id="{122BBB04-F17E-4E7A-94C1-3CFF3CF6109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903951" y="5925905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7" name="OTLSHAPE_SLM_0482a45758ee4b53bbc81bc556d0e35a_Shape">
            <a:extLst>
              <a:ext uri="{FF2B5EF4-FFF2-40B4-BE49-F238E27FC236}">
                <a16:creationId xmlns:a16="http://schemas.microsoft.com/office/drawing/2014/main" id="{43CC6DA4-7D5A-4C36-9718-8B9358D28BB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9811579" y="2408809"/>
            <a:ext cx="165100" cy="165100"/>
          </a:xfrm>
          <a:prstGeom prst="flowChartMerg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54" name="OTLSHAPE_SLM_b5adde3d8a2a44ee86fe7b8a1d2fb54a_Shape">
            <a:extLst>
              <a:ext uri="{FF2B5EF4-FFF2-40B4-BE49-F238E27FC236}">
                <a16:creationId xmlns:a16="http://schemas.microsoft.com/office/drawing/2014/main" id="{0260B374-D0F2-4AFA-9C4E-26138D5FD86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158069" y="6375781"/>
            <a:ext cx="152400" cy="177800"/>
          </a:xfrm>
          <a:prstGeom prst="plus">
            <a:avLst/>
          </a:prstGeom>
          <a:solidFill>
            <a:srgbClr val="DDBA9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7" name="OTLSHAPE_SLM_9d24c14e21a9414cb0743556423d7622_Shape">
            <a:extLst>
              <a:ext uri="{FF2B5EF4-FFF2-40B4-BE49-F238E27FC236}">
                <a16:creationId xmlns:a16="http://schemas.microsoft.com/office/drawing/2014/main" id="{020642E4-32E8-4293-B0E8-9930D2124557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flipV="1">
            <a:off x="10125318" y="4992497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45" name="OTLSHAPE_SLM_6dee0f2e2e6a4987b7874cf105fe86a0_Shape">
            <a:extLst>
              <a:ext uri="{FF2B5EF4-FFF2-40B4-BE49-F238E27FC236}">
                <a16:creationId xmlns:a16="http://schemas.microsoft.com/office/drawing/2014/main" id="{29A256CC-3589-47C4-A890-B314951000A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flipV="1">
            <a:off x="10102432" y="4585165"/>
            <a:ext cx="152400" cy="177800"/>
          </a:xfrm>
          <a:prstGeom prst="triangle">
            <a:avLst/>
          </a:prstGeom>
          <a:solidFill>
            <a:srgbClr val="FF9B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SL_0d79abd205bd4135b44f6cdde4489e44_Header">
            <a:extLst>
              <a:ext uri="{FF2B5EF4-FFF2-40B4-BE49-F238E27FC236}">
                <a16:creationId xmlns:a16="http://schemas.microsoft.com/office/drawing/2014/main" id="{62A09CE2-2885-4B6C-90DD-6E93377D810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1926399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ersonal life</a:t>
            </a:r>
          </a:p>
        </p:txBody>
      </p:sp>
      <p:sp>
        <p:nvSpPr>
          <p:cNvPr id="9" name="OTLSHAPE_SL_89730f7f39ba45f78547ff3cf954da1d_Header">
            <a:extLst>
              <a:ext uri="{FF2B5EF4-FFF2-40B4-BE49-F238E27FC236}">
                <a16:creationId xmlns:a16="http://schemas.microsoft.com/office/drawing/2014/main" id="{504B4009-71C8-4B77-B562-C2E7F6AA619A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2986955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ducation</a:t>
            </a:r>
          </a:p>
        </p:txBody>
      </p:sp>
      <p:sp>
        <p:nvSpPr>
          <p:cNvPr id="12" name="OTLSHAPE_SL_82a4d17ec1e84afbb1f0d2fbf451b437_Header">
            <a:extLst>
              <a:ext uri="{FF2B5EF4-FFF2-40B4-BE49-F238E27FC236}">
                <a16:creationId xmlns:a16="http://schemas.microsoft.com/office/drawing/2014/main" id="{1B1B40C9-7955-4DFE-89E8-6D67B748089B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3500" y="4182914"/>
            <a:ext cx="1562100" cy="408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areer and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Wealth</a:t>
            </a:r>
            <a:endParaRPr kumimoji="0" lang="en-US" sz="1400" b="1" i="0" u="none" strike="noStrike" kern="1200" cap="none" normalizeH="0" baseline="0" noProof="0" dirty="0">
              <a:ln>
                <a:noFill/>
              </a:ln>
              <a:solidFill>
                <a:srgbClr val="13192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5" name="OTLSHAPE_SL_8d7024ab0d994f1492ff0a766814e012_Header">
            <a:extLst>
              <a:ext uri="{FF2B5EF4-FFF2-40B4-BE49-F238E27FC236}">
                <a16:creationId xmlns:a16="http://schemas.microsoft.com/office/drawing/2014/main" id="{BA1942CF-876A-444E-AF5A-59D8CA4F1493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3500" y="5850827"/>
            <a:ext cx="1562100" cy="2044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Charity</a:t>
            </a:r>
          </a:p>
        </p:txBody>
      </p:sp>
      <p:sp>
        <p:nvSpPr>
          <p:cNvPr id="3988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1809665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63</a:t>
            </a:r>
          </a:p>
        </p:txBody>
      </p:sp>
      <p:sp>
        <p:nvSpPr>
          <p:cNvPr id="3990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2674615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69</a:t>
            </a:r>
          </a:p>
        </p:txBody>
      </p:sp>
      <p:sp>
        <p:nvSpPr>
          <p:cNvPr id="399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539169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75</a:t>
            </a:r>
          </a:p>
        </p:txBody>
      </p:sp>
      <p:sp>
        <p:nvSpPr>
          <p:cNvPr id="3994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4404119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81</a:t>
            </a:r>
          </a:p>
        </p:txBody>
      </p:sp>
      <p:sp>
        <p:nvSpPr>
          <p:cNvPr id="3996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268673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87</a:t>
            </a:r>
          </a:p>
        </p:txBody>
      </p:sp>
      <p:sp>
        <p:nvSpPr>
          <p:cNvPr id="3998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6133623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3</a:t>
            </a:r>
          </a:p>
        </p:txBody>
      </p:sp>
      <p:sp>
        <p:nvSpPr>
          <p:cNvPr id="4000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6998177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999</a:t>
            </a:r>
          </a:p>
        </p:txBody>
      </p:sp>
      <p:sp>
        <p:nvSpPr>
          <p:cNvPr id="4002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7863127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05</a:t>
            </a:r>
          </a:p>
        </p:txBody>
      </p:sp>
      <p:sp>
        <p:nvSpPr>
          <p:cNvPr id="24" name="OTLSHAPE_SLM_6c6b095a686c491190e0c4de5f26901c_Title">
            <a:extLst>
              <a:ext uri="{FF2B5EF4-FFF2-40B4-BE49-F238E27FC236}">
                <a16:creationId xmlns:a16="http://schemas.microsoft.com/office/drawing/2014/main" id="{20C94E54-D72B-4C6F-B1EA-2CC55C86B3C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232159" y="1672569"/>
            <a:ext cx="1714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arries novelist MacKenzie Tuttle</a:t>
            </a:r>
          </a:p>
        </p:txBody>
      </p:sp>
      <p:sp>
        <p:nvSpPr>
          <p:cNvPr id="25" name="OTLSHAPE_SLM_6c6b095a686c491190e0c4de5f26901c_Date">
            <a:extLst>
              <a:ext uri="{FF2B5EF4-FFF2-40B4-BE49-F238E27FC236}">
                <a16:creationId xmlns:a16="http://schemas.microsoft.com/office/drawing/2014/main" id="{000A1518-9F47-4D45-94B4-6AC1713F7FA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930022" y="153225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3</a:t>
            </a:r>
          </a:p>
        </p:txBody>
      </p:sp>
      <p:sp>
        <p:nvSpPr>
          <p:cNvPr id="30" name="OTLSHAPE_SLM_79af8ac6c9474c3187f246703d5789d9_Title">
            <a:extLst>
              <a:ext uri="{FF2B5EF4-FFF2-40B4-BE49-F238E27FC236}">
                <a16:creationId xmlns:a16="http://schemas.microsoft.com/office/drawing/2014/main" id="{4328882B-1928-4897-AE51-6E184FA6B075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192487" y="2837095"/>
            <a:ext cx="2324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lectrical engineering &amp; computer science degrees from Princeton (Summa Cum Laude)</a:t>
            </a:r>
          </a:p>
        </p:txBody>
      </p:sp>
      <p:sp>
        <p:nvSpPr>
          <p:cNvPr id="31" name="OTLSHAPE_SLM_79af8ac6c9474c3187f246703d5789d9_Date">
            <a:extLst>
              <a:ext uri="{FF2B5EF4-FFF2-40B4-BE49-F238E27FC236}">
                <a16:creationId xmlns:a16="http://schemas.microsoft.com/office/drawing/2014/main" id="{7AD85316-D6F1-4071-9AC8-527C84B1509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921046" y="271360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6</a:t>
            </a:r>
          </a:p>
        </p:txBody>
      </p:sp>
      <p:sp>
        <p:nvSpPr>
          <p:cNvPr id="4086" name="OTLSHAPE_SLM_41339b17e57e42c2853212570879e5d6_Title">
            <a:extLst>
              <a:ext uri="{FF2B5EF4-FFF2-40B4-BE49-F238E27FC236}">
                <a16:creationId xmlns:a16="http://schemas.microsoft.com/office/drawing/2014/main" id="{B75E6045-DBC4-4F01-91B7-3A49F1BA57D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131696" y="3310149"/>
            <a:ext cx="223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Graduates from high school as valedictorian</a:t>
            </a:r>
          </a:p>
        </p:txBody>
      </p:sp>
      <p:sp>
        <p:nvSpPr>
          <p:cNvPr id="4087" name="OTLSHAPE_SLM_41339b17e57e42c2853212570879e5d6_Date">
            <a:extLst>
              <a:ext uri="{FF2B5EF4-FFF2-40B4-BE49-F238E27FC236}">
                <a16:creationId xmlns:a16="http://schemas.microsoft.com/office/drawing/2014/main" id="{77B829C1-C363-4839-8618-D669BE405CA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344545" y="316348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2</a:t>
            </a:r>
          </a:p>
        </p:txBody>
      </p:sp>
      <p:sp>
        <p:nvSpPr>
          <p:cNvPr id="4089" name="OTLSHAPE_SLM_627dd14d5955498ea99c7766a79d5777_Title">
            <a:extLst>
              <a:ext uri="{FF2B5EF4-FFF2-40B4-BE49-F238E27FC236}">
                <a16:creationId xmlns:a16="http://schemas.microsoft.com/office/drawing/2014/main" id="{AD6048DB-6F79-4B13-BAD9-E46C7E44ABE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841411" y="2902818"/>
            <a:ext cx="1955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nrolls at Miami Palmetto High School</a:t>
            </a:r>
          </a:p>
        </p:txBody>
      </p:sp>
      <p:sp>
        <p:nvSpPr>
          <p:cNvPr id="4090" name="OTLSHAPE_SLM_627dd14d5955498ea99c7766a79d5777_Date">
            <a:extLst>
              <a:ext uri="{FF2B5EF4-FFF2-40B4-BE49-F238E27FC236}">
                <a16:creationId xmlns:a16="http://schemas.microsoft.com/office/drawing/2014/main" id="{539BC5D8-BE90-4F15-B6EF-F2F8986D519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768043" y="275615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78</a:t>
            </a:r>
          </a:p>
        </p:txBody>
      </p:sp>
      <p:sp>
        <p:nvSpPr>
          <p:cNvPr id="4092" name="OTLSHAPE_SLM_1cbcd6d64b32418abeba475dfbc735ff_Title">
            <a:extLst>
              <a:ext uri="{FF2B5EF4-FFF2-40B4-BE49-F238E27FC236}">
                <a16:creationId xmlns:a16="http://schemas.microsoft.com/office/drawing/2014/main" id="{C569FFEE-6EF7-46A1-9280-EFBEDDC3C5B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363047" y="2902818"/>
            <a:ext cx="238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Honorary doctorate from Carnegie Mellon Univ.</a:t>
            </a:r>
          </a:p>
        </p:txBody>
      </p:sp>
      <p:sp>
        <p:nvSpPr>
          <p:cNvPr id="4093" name="OTLSHAPE_SLM_1cbcd6d64b32418abeba475dfbc735ff_Date">
            <a:extLst>
              <a:ext uri="{FF2B5EF4-FFF2-40B4-BE49-F238E27FC236}">
                <a16:creationId xmlns:a16="http://schemas.microsoft.com/office/drawing/2014/main" id="{9C77C406-0EC8-4F41-95A4-F9926AB84BE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91606" y="275615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8</a:t>
            </a:r>
          </a:p>
        </p:txBody>
      </p:sp>
      <p:sp>
        <p:nvSpPr>
          <p:cNvPr id="4095" name="OTLSHAPE_SLM_42e9c46fda734a40850f814cc68e04d0_Title">
            <a:extLst>
              <a:ext uri="{FF2B5EF4-FFF2-40B4-BE49-F238E27FC236}">
                <a16:creationId xmlns:a16="http://schemas.microsoft.com/office/drawing/2014/main" id="{CA9580D5-F6A4-4648-B1B8-2FFB5F204D6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155534" y="3751135"/>
            <a:ext cx="201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Founds Amazon as an online bookstore</a:t>
            </a:r>
          </a:p>
        </p:txBody>
      </p:sp>
      <p:sp>
        <p:nvSpPr>
          <p:cNvPr id="96" name="OTLSHAPE_SLM_42e9c46fda734a40850f814cc68e04d0_Date">
            <a:extLst>
              <a:ext uri="{FF2B5EF4-FFF2-40B4-BE49-F238E27FC236}">
                <a16:creationId xmlns:a16="http://schemas.microsoft.com/office/drawing/2014/main" id="{5E14F1F9-3EA1-4374-B595-BCCF8A69A70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146259" y="3604471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98" name="OTLSHAPE_SLM_8d3a5b2e890544579ee7df0573826d2b_Title">
            <a:extLst>
              <a:ext uri="{FF2B5EF4-FFF2-40B4-BE49-F238E27FC236}">
                <a16:creationId xmlns:a16="http://schemas.microsoft.com/office/drawing/2014/main" id="{5572B023-B6F6-47E7-A9E1-C6B4ED16677F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040913" y="4158467"/>
            <a:ext cx="219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Hired as product manager at Bankers Trust</a:t>
            </a:r>
          </a:p>
        </p:txBody>
      </p:sp>
      <p:sp>
        <p:nvSpPr>
          <p:cNvPr id="99" name="OTLSHAPE_SLM_8d3a5b2e890544579ee7df0573826d2b_Date">
            <a:extLst>
              <a:ext uri="{FF2B5EF4-FFF2-40B4-BE49-F238E27FC236}">
                <a16:creationId xmlns:a16="http://schemas.microsoft.com/office/drawing/2014/main" id="{303133B5-270B-4302-AD38-5A2C0ABA6BF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209099" y="401180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88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01" name="OTLSHAPE_SLM_610c06375c164e8c9d57359713e9d06a_Title">
            <a:extLst>
              <a:ext uri="{FF2B5EF4-FFF2-40B4-BE49-F238E27FC236}">
                <a16:creationId xmlns:a16="http://schemas.microsoft.com/office/drawing/2014/main" id="{77FF7851-11D9-48BF-9101-54996D079AA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083970" y="3751135"/>
            <a:ext cx="166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Purchases The Washington Post</a:t>
            </a:r>
          </a:p>
        </p:txBody>
      </p:sp>
      <p:sp>
        <p:nvSpPr>
          <p:cNvPr id="102" name="OTLSHAPE_SLM_610c06375c164e8c9d57359713e9d06a_Date">
            <a:extLst>
              <a:ext uri="{FF2B5EF4-FFF2-40B4-BE49-F238E27FC236}">
                <a16:creationId xmlns:a16="http://schemas.microsoft.com/office/drawing/2014/main" id="{D079E73D-EFB5-4852-8956-C0B86064BB8C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812529" y="3604471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104" name="OTLSHAPE_SLM_2644f6b3ddea4ac1ad594968681a1838_Title">
            <a:extLst>
              <a:ext uri="{FF2B5EF4-FFF2-40B4-BE49-F238E27FC236}">
                <a16:creationId xmlns:a16="http://schemas.microsoft.com/office/drawing/2014/main" id="{42041DA3-D8D2-4551-8835-789FC8A9E52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210044" y="3751135"/>
            <a:ext cx="9779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Founds Blue Origin</a:t>
            </a:r>
            <a:endParaRPr kumimoji="0" lang="en-US" sz="900" b="0" i="0" u="none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05" name="OTLSHAPE_SLM_2644f6b3ddea4ac1ad594968681a1838_Date">
            <a:extLst>
              <a:ext uri="{FF2B5EF4-FFF2-40B4-BE49-F238E27FC236}">
                <a16:creationId xmlns:a16="http://schemas.microsoft.com/office/drawing/2014/main" id="{896DB0AC-CD5F-4195-B11D-5622D887D97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938604" y="3604471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0</a:t>
            </a:r>
          </a:p>
        </p:txBody>
      </p:sp>
      <p:sp>
        <p:nvSpPr>
          <p:cNvPr id="109" name="OTLSHAPE_SLM_15bc96ebda78484f9c37f3826174da4b_Title">
            <a:extLst>
              <a:ext uri="{FF2B5EF4-FFF2-40B4-BE49-F238E27FC236}">
                <a16:creationId xmlns:a16="http://schemas.microsoft.com/office/drawing/2014/main" id="{F0003AE1-B27C-42F7-9ABA-1C1E44507C63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737812" y="4092744"/>
            <a:ext cx="9017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Becomes world's wealthiest person</a:t>
            </a:r>
          </a:p>
        </p:txBody>
      </p:sp>
      <p:sp>
        <p:nvSpPr>
          <p:cNvPr id="110" name="OTLSHAPE_SLM_15bc96ebda78484f9c37f3826174da4b_Date">
            <a:extLst>
              <a:ext uri="{FF2B5EF4-FFF2-40B4-BE49-F238E27FC236}">
                <a16:creationId xmlns:a16="http://schemas.microsoft.com/office/drawing/2014/main" id="{105C525B-5425-4615-B608-83B0E81504B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466370" y="396925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112" name="OTLSHAPE_SLM_d5db097ac2ba4319ae894be41a24788d_Title">
            <a:extLst>
              <a:ext uri="{FF2B5EF4-FFF2-40B4-BE49-F238E27FC236}">
                <a16:creationId xmlns:a16="http://schemas.microsoft.com/office/drawing/2014/main" id="{B29D5E05-87A8-46D9-A39D-B0FCA88A958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777965" y="4158467"/>
            <a:ext cx="1079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akes Amazon public</a:t>
            </a:r>
          </a:p>
        </p:txBody>
      </p:sp>
      <p:sp>
        <p:nvSpPr>
          <p:cNvPr id="113" name="OTLSHAPE_SLM_d5db097ac2ba4319ae894be41a24788d_Date">
            <a:extLst>
              <a:ext uri="{FF2B5EF4-FFF2-40B4-BE49-F238E27FC236}">
                <a16:creationId xmlns:a16="http://schemas.microsoft.com/office/drawing/2014/main" id="{9B817764-AA6D-494E-AB1C-D26E8A32586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06523" y="401180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7</a:t>
            </a:r>
          </a:p>
        </p:txBody>
      </p:sp>
      <p:sp>
        <p:nvSpPr>
          <p:cNvPr id="115" name="OTLSHAPE_SLM_b3c1c87bf1be4ce08fc2f404bd0fa129_Title">
            <a:extLst>
              <a:ext uri="{FF2B5EF4-FFF2-40B4-BE49-F238E27FC236}">
                <a16:creationId xmlns:a16="http://schemas.microsoft.com/office/drawing/2014/main" id="{E5AA7256-4405-4060-A27D-103C7FC6299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879873" y="4608343"/>
            <a:ext cx="1790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Diversifies Amazon's product range</a:t>
            </a:r>
          </a:p>
        </p:txBody>
      </p:sp>
      <p:sp>
        <p:nvSpPr>
          <p:cNvPr id="116" name="OTLSHAPE_SLM_b3c1c87bf1be4ce08fc2f404bd0fa129_Date">
            <a:extLst>
              <a:ext uri="{FF2B5EF4-FFF2-40B4-BE49-F238E27FC236}">
                <a16:creationId xmlns:a16="http://schemas.microsoft.com/office/drawing/2014/main" id="{C2E92558-4C24-460D-B00C-BDE5486BEB7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650550" y="446167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8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18" name="OTLSHAPE_SLM_916ce539e9284b0488049ab6c13a4f83_Title">
            <a:extLst>
              <a:ext uri="{FF2B5EF4-FFF2-40B4-BE49-F238E27FC236}">
                <a16:creationId xmlns:a16="http://schemas.microsoft.com/office/drawing/2014/main" id="{5DE05496-1DB8-460D-9E5F-83E8B39700D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551797" y="2425636"/>
            <a:ext cx="1257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8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ime Person of the Year </a:t>
            </a:r>
          </a:p>
        </p:txBody>
      </p:sp>
      <p:sp>
        <p:nvSpPr>
          <p:cNvPr id="119" name="OTLSHAPE_SLM_916ce539e9284b0488049ab6c13a4f83_Date">
            <a:extLst>
              <a:ext uri="{FF2B5EF4-FFF2-40B4-BE49-F238E27FC236}">
                <a16:creationId xmlns:a16="http://schemas.microsoft.com/office/drawing/2014/main" id="{20E02940-F9C8-4F8C-A6AF-E7C16B0E012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794577" y="228532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9</a:t>
            </a:r>
            <a:endParaRPr kumimoji="0" lang="en-US" sz="800" b="1" i="0" u="none" strike="noStrike" kern="1200" cap="none" spc="-22" normalizeH="0" baseline="0" noProof="0" dirty="0">
              <a:ln>
                <a:noFill/>
              </a:ln>
              <a:solidFill>
                <a:srgbClr val="FEBD69"/>
              </a:solidFill>
              <a:effectLst/>
              <a:uLnTx/>
              <a:uFillTx/>
              <a:latin typeface="Verdana" panose="020B0604030504040204" pitchFamily="34" charset="0"/>
              <a:ea typeface="+mn-ea"/>
              <a:cs typeface="+mn-cs"/>
            </a:endParaRPr>
          </a:p>
        </p:txBody>
      </p:sp>
      <p:sp>
        <p:nvSpPr>
          <p:cNvPr id="124" name="OTLSHAPE_SLM_6a4dfc9b1e004d9f894c7e2309043d13_Title">
            <a:extLst>
              <a:ext uri="{FF2B5EF4-FFF2-40B4-BE49-F238E27FC236}">
                <a16:creationId xmlns:a16="http://schemas.microsoft.com/office/drawing/2014/main" id="{8D44B0E0-BF8F-4148-891B-D32CDE73CEF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7514927" y="4608343"/>
            <a:ext cx="1320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ecures contract with CIA</a:t>
            </a:r>
          </a:p>
        </p:txBody>
      </p:sp>
      <p:sp>
        <p:nvSpPr>
          <p:cNvPr id="125" name="OTLSHAPE_SLM_6a4dfc9b1e004d9f894c7e2309043d13_Date">
            <a:extLst>
              <a:ext uri="{FF2B5EF4-FFF2-40B4-BE49-F238E27FC236}">
                <a16:creationId xmlns:a16="http://schemas.microsoft.com/office/drawing/2014/main" id="{C81B1469-29AD-4F1E-BB04-E7480C217C9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812529" y="4461679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23" name="OTLSHAPE_SLM_7bccf882f12941c2817a10184164e27b_Title">
            <a:extLst>
              <a:ext uri="{FF2B5EF4-FFF2-40B4-BE49-F238E27FC236}">
                <a16:creationId xmlns:a16="http://schemas.microsoft.com/office/drawing/2014/main" id="{494D7A4A-49B2-4BFB-9353-A23FA9CD5EF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5322120" y="2073550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Moves to Seattle</a:t>
            </a:r>
          </a:p>
        </p:txBody>
      </p:sp>
      <p:sp>
        <p:nvSpPr>
          <p:cNvPr id="26" name="OTLSHAPE_SLM_7bccf882f12941c2817a10184164e27b_Date">
            <a:extLst>
              <a:ext uri="{FF2B5EF4-FFF2-40B4-BE49-F238E27FC236}">
                <a16:creationId xmlns:a16="http://schemas.microsoft.com/office/drawing/2014/main" id="{9B10E3FE-A84D-4AEA-8FB4-214751298CB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62437" y="193323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28" name="OTLSHAPE_SLM_77ab58fe64e34e36a6e1102d9b00642f_Title">
            <a:extLst>
              <a:ext uri="{FF2B5EF4-FFF2-40B4-BE49-F238E27FC236}">
                <a16:creationId xmlns:a16="http://schemas.microsoft.com/office/drawing/2014/main" id="{7D8A43B6-1B34-4FFF-A24A-F7A4C87F8D7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670571" y="1672569"/>
            <a:ext cx="1663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  Helicopter crash in West Texas</a:t>
            </a:r>
          </a:p>
        </p:txBody>
      </p:sp>
      <p:sp>
        <p:nvSpPr>
          <p:cNvPr id="29" name="OTLSHAPE_SLM_77ab58fe64e34e36a6e1102d9b00642f_Date">
            <a:extLst>
              <a:ext uri="{FF2B5EF4-FFF2-40B4-BE49-F238E27FC236}">
                <a16:creationId xmlns:a16="http://schemas.microsoft.com/office/drawing/2014/main" id="{4BD88CA0-49A8-4FE4-BFA2-0BF4B8377EC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392781" y="153225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03</a:t>
            </a:r>
          </a:p>
        </p:txBody>
      </p:sp>
      <p:sp>
        <p:nvSpPr>
          <p:cNvPr id="4085" name="OTLSHAPE_SLM_f26e7b29a33c42dc9e320cd393e5a0ae_Title">
            <a:extLst>
              <a:ext uri="{FF2B5EF4-FFF2-40B4-BE49-F238E27FC236}">
                <a16:creationId xmlns:a16="http://schemas.microsoft.com/office/drawing/2014/main" id="{5FFB9552-F94E-4C10-9F61-AD3FC818537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584534" y="2073550"/>
            <a:ext cx="1752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tars in Star Trek Beyond              </a:t>
            </a:r>
          </a:p>
        </p:txBody>
      </p:sp>
      <p:sp>
        <p:nvSpPr>
          <p:cNvPr id="4088" name="OTLSHAPE_SLM_f26e7b29a33c42dc9e320cd393e5a0ae_Date">
            <a:extLst>
              <a:ext uri="{FF2B5EF4-FFF2-40B4-BE49-F238E27FC236}">
                <a16:creationId xmlns:a16="http://schemas.microsoft.com/office/drawing/2014/main" id="{ADD50B4D-379F-4C09-8EC7-3302DCDFBCC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320371" y="193323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4094" name="OTLSHAPE_SLM_58dad2093d044c578b04aaa3eaded399_Title">
            <a:extLst>
              <a:ext uri="{FF2B5EF4-FFF2-40B4-BE49-F238E27FC236}">
                <a16:creationId xmlns:a16="http://schemas.microsoft.com/office/drawing/2014/main" id="{248D78F0-B2BB-4FB0-A47A-08E81F0F4E2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987625" y="2073550"/>
            <a:ext cx="1117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  Divorces MacKenzie</a:t>
            </a:r>
          </a:p>
        </p:txBody>
      </p:sp>
      <p:sp>
        <p:nvSpPr>
          <p:cNvPr id="97" name="OTLSHAPE_SLM_58dad2093d044c578b04aaa3eaded399_Date">
            <a:extLst>
              <a:ext uri="{FF2B5EF4-FFF2-40B4-BE49-F238E27FC236}">
                <a16:creationId xmlns:a16="http://schemas.microsoft.com/office/drawing/2014/main" id="{4D3A58F7-F294-42A1-9EB4-C02438E6C93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709834" y="1933236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03" name="OTLSHAPE_SLM_167e2f5fc03c46f6a61e9e49a272d0b3_Title">
            <a:extLst>
              <a:ext uri="{FF2B5EF4-FFF2-40B4-BE49-F238E27FC236}">
                <a16:creationId xmlns:a16="http://schemas.microsoft.com/office/drawing/2014/main" id="{942F439A-96D1-487B-A9A4-8DF0A32643B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9986047" y="1606846"/>
            <a:ext cx="7620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Saudi hacking accusation</a:t>
            </a:r>
          </a:p>
        </p:txBody>
      </p:sp>
      <p:sp>
        <p:nvSpPr>
          <p:cNvPr id="106" name="OTLSHAPE_SLM_167e2f5fc03c46f6a61e9e49a272d0b3_Date">
            <a:extLst>
              <a:ext uri="{FF2B5EF4-FFF2-40B4-BE49-F238E27FC236}">
                <a16:creationId xmlns:a16="http://schemas.microsoft.com/office/drawing/2014/main" id="{C24C593F-8E55-474C-932F-E54E9AF0533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708255" y="148336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114" name="OTLSHAPE_SLM_931b77490a854480ba9afe6cd8f9ba8a_Title">
            <a:extLst>
              <a:ext uri="{FF2B5EF4-FFF2-40B4-BE49-F238E27FC236}">
                <a16:creationId xmlns:a16="http://schemas.microsoft.com/office/drawing/2014/main" id="{B0749AC1-898A-483E-A8CE-8D20841096BD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690517" y="5499206"/>
            <a:ext cx="1143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500,000 Worldreader</a:t>
            </a:r>
          </a:p>
        </p:txBody>
      </p:sp>
      <p:sp>
        <p:nvSpPr>
          <p:cNvPr id="117" name="OTLSHAPE_SLM_931b77490a854480ba9afe6cd8f9ba8a_Date">
            <a:extLst>
              <a:ext uri="{FF2B5EF4-FFF2-40B4-BE49-F238E27FC236}">
                <a16:creationId xmlns:a16="http://schemas.microsoft.com/office/drawing/2014/main" id="{5D18BF03-3D7A-4438-82B6-F4B823770D4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08582" y="5352542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3</a:t>
            </a:r>
          </a:p>
        </p:txBody>
      </p:sp>
      <p:sp>
        <p:nvSpPr>
          <p:cNvPr id="123" name="OTLSHAPE_SLM_7957f1dc9824497bb0fedb139ff2707f_Title">
            <a:extLst>
              <a:ext uri="{FF2B5EF4-FFF2-40B4-BE49-F238E27FC236}">
                <a16:creationId xmlns:a16="http://schemas.microsoft.com/office/drawing/2014/main" id="{2EB601DE-0008-4994-B17F-B0E1003CCD3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834397" y="5949082"/>
            <a:ext cx="2641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m Reporters Committee for Freedom of the Press</a:t>
            </a:r>
          </a:p>
        </p:txBody>
      </p:sp>
      <p:sp>
        <p:nvSpPr>
          <p:cNvPr id="3968" name="OTLSHAPE_SLM_7957f1dc9824497bb0fedb139ff2707f_Date">
            <a:extLst>
              <a:ext uri="{FF2B5EF4-FFF2-40B4-BE49-F238E27FC236}">
                <a16:creationId xmlns:a16="http://schemas.microsoft.com/office/drawing/2014/main" id="{9B8E16A0-8F57-4D25-A504-938EAD3A2E59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453349" y="5802418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3970" name="OTLSHAPE_SLM_f362515aa2a6484692614906fa44215f_Title">
            <a:extLst>
              <a:ext uri="{FF2B5EF4-FFF2-40B4-BE49-F238E27FC236}">
                <a16:creationId xmlns:a16="http://schemas.microsoft.com/office/drawing/2014/main" id="{FB212016-D2DB-4CAB-9FE6-03BB4136002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908276" y="5433483"/>
            <a:ext cx="11938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2bn Day 1 Families &amp; Day 1 Academies</a:t>
            </a:r>
          </a:p>
        </p:txBody>
      </p:sp>
      <p:sp>
        <p:nvSpPr>
          <p:cNvPr id="3971" name="OTLSHAPE_SLM_f362515aa2a6484692614906fa44215f_Date">
            <a:extLst>
              <a:ext uri="{FF2B5EF4-FFF2-40B4-BE49-F238E27FC236}">
                <a16:creationId xmlns:a16="http://schemas.microsoft.com/office/drawing/2014/main" id="{BB88D18B-C814-4B73-91AE-4C0F8D51E80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636834" y="5309997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973" name="OTLSHAPE_SLM_218267206c774e66a15e269cc521172a_Title">
            <a:extLst>
              <a:ext uri="{FF2B5EF4-FFF2-40B4-BE49-F238E27FC236}">
                <a16:creationId xmlns:a16="http://schemas.microsoft.com/office/drawing/2014/main" id="{0E67C256-B4FE-4D81-A05A-6A24032FF6D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314251" y="6398958"/>
            <a:ext cx="1244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33 m TheDream.US     </a:t>
            </a:r>
          </a:p>
        </p:txBody>
      </p:sp>
      <p:sp>
        <p:nvSpPr>
          <p:cNvPr id="3974" name="OTLSHAPE_SLM_218267206c774e66a15e269cc521172a_Date">
            <a:extLst>
              <a:ext uri="{FF2B5EF4-FFF2-40B4-BE49-F238E27FC236}">
                <a16:creationId xmlns:a16="http://schemas.microsoft.com/office/drawing/2014/main" id="{A500A75F-4B59-4F7B-BE12-1A1DCB34C36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533451" y="6252295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3976" name="OTLSHAPE_SLM_f9b2556f0b10415d9dba199203b10564_Title">
            <a:extLst>
              <a:ext uri="{FF2B5EF4-FFF2-40B4-BE49-F238E27FC236}">
                <a16:creationId xmlns:a16="http://schemas.microsoft.com/office/drawing/2014/main" id="{90A0942A-6BC7-4F9A-B243-4F8B6BE3E46D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0107151" y="5883359"/>
            <a:ext cx="7112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$10bn Bezos </a:t>
            </a:r>
            <a:b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</a:br>
            <a:r>
              <a:rPr kumimoji="0" lang="en-US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Earth Fund</a:t>
            </a:r>
          </a:p>
        </p:txBody>
      </p:sp>
      <p:sp>
        <p:nvSpPr>
          <p:cNvPr id="3977" name="OTLSHAPE_SLM_f9b2556f0b10415d9dba199203b10564_Date">
            <a:extLst>
              <a:ext uri="{FF2B5EF4-FFF2-40B4-BE49-F238E27FC236}">
                <a16:creationId xmlns:a16="http://schemas.microsoft.com/office/drawing/2014/main" id="{4377AB1A-B49E-4739-B9D0-5256C84A518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835710" y="575987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27" name="OTLSHAPE_SLM_0482a45758ee4b53bbc81bc556d0e35a_Title">
            <a:extLst>
              <a:ext uri="{FF2B5EF4-FFF2-40B4-BE49-F238E27FC236}">
                <a16:creationId xmlns:a16="http://schemas.microsoft.com/office/drawing/2014/main" id="{837B1CE2-2013-45AF-A447-5C93BE03A36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542809" y="2425636"/>
            <a:ext cx="2222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1st public appearance with Lauren Sanchez</a:t>
            </a:r>
          </a:p>
        </p:txBody>
      </p:sp>
      <p:sp>
        <p:nvSpPr>
          <p:cNvPr id="4066" name="OTLSHAPE_SLM_0482a45758ee4b53bbc81bc556d0e35a_Date">
            <a:extLst>
              <a:ext uri="{FF2B5EF4-FFF2-40B4-BE49-F238E27FC236}">
                <a16:creationId xmlns:a16="http://schemas.microsoft.com/office/drawing/2014/main" id="{DA161207-252D-4E13-A240-24F3F9DF1F8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749688" y="2285323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19</a:t>
            </a:r>
          </a:p>
        </p:txBody>
      </p:sp>
      <p:sp>
        <p:nvSpPr>
          <p:cNvPr id="4071" name="OTLSHAPE_TB_00000000000000000000000000000000_TimescaleInterval9">
            <a:extLst>
              <a:ext uri="{FF2B5EF4-FFF2-40B4-BE49-F238E27FC236}">
                <a16:creationId xmlns:a16="http://schemas.microsoft.com/office/drawing/2014/main" id="{DBDE6219-E546-478F-B499-E0CD2C4EB7E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727681" y="934720"/>
            <a:ext cx="42646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4073" name="OTLSHAPE_TB_00000000000000000000000000000000_TimescaleInterval10">
            <a:extLst>
              <a:ext uri="{FF2B5EF4-FFF2-40B4-BE49-F238E27FC236}">
                <a16:creationId xmlns:a16="http://schemas.microsoft.com/office/drawing/2014/main" id="{0411BEA4-BBE8-4882-8C23-539150E40F4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592631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17</a:t>
            </a:r>
          </a:p>
        </p:txBody>
      </p:sp>
      <p:sp>
        <p:nvSpPr>
          <p:cNvPr id="4075" name="OTLSHAPE_TB_00000000000000000000000000000000_TimescaleInterval11">
            <a:extLst>
              <a:ext uri="{FF2B5EF4-FFF2-40B4-BE49-F238E27FC236}">
                <a16:creationId xmlns:a16="http://schemas.microsoft.com/office/drawing/2014/main" id="{F08C9AB8-6CFD-4415-919C-D9F020B9A8C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457186" y="934720"/>
            <a:ext cx="436786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-48" normalizeH="0" baseline="0" noProof="0" dirty="0">
                <a:ln>
                  <a:noFill/>
                </a:ln>
                <a:solidFill>
                  <a:srgbClr val="131921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50" name="OTLSHAPE_SLM_b5adde3d8a2a44ee86fe7b8a1d2fb54a_Title">
            <a:extLst>
              <a:ext uri="{FF2B5EF4-FFF2-40B4-BE49-F238E27FC236}">
                <a16:creationId xmlns:a16="http://schemas.microsoft.com/office/drawing/2014/main" id="{7340449A-0457-4A04-ACD8-D79197FFFE1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361269" y="6333236"/>
            <a:ext cx="8001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lt2"/>
                </a:solidFill>
                <a:latin typeface="Arial" panose="020B0604020202020204" pitchFamily="34" charset="0"/>
              </a:rPr>
              <a:t>$100m Obama Foundation</a:t>
            </a:r>
          </a:p>
        </p:txBody>
      </p:sp>
      <p:sp>
        <p:nvSpPr>
          <p:cNvPr id="51" name="OTLSHAPE_SLM_b5adde3d8a2a44ee86fe7b8a1d2fb54a_Date">
            <a:extLst>
              <a:ext uri="{FF2B5EF4-FFF2-40B4-BE49-F238E27FC236}">
                <a16:creationId xmlns:a16="http://schemas.microsoft.com/office/drawing/2014/main" id="{2FA268E6-E399-4439-96FF-4B88D38EBC49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089828" y="6209750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</a:p>
        </p:txBody>
      </p:sp>
      <p:sp>
        <p:nvSpPr>
          <p:cNvPr id="56" name="OTLSHAPE_SLM_9d24c14e21a9414cb0743556423d7622_Title">
            <a:extLst>
              <a:ext uri="{FF2B5EF4-FFF2-40B4-BE49-F238E27FC236}">
                <a16:creationId xmlns:a16="http://schemas.microsoft.com/office/drawing/2014/main" id="{FC67378D-C571-4DA8-B573-9BEF9F1718F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818872" y="5015674"/>
            <a:ext cx="2260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900" spc="-2">
                <a:solidFill>
                  <a:schemeClr val="lt2"/>
                </a:solidFill>
                <a:latin typeface="Arial" panose="020B0604020202020204" pitchFamily="34" charset="0"/>
              </a:rPr>
              <a:t>Loses title of wealthiest person to Elon Musk</a:t>
            </a:r>
            <a:endParaRPr lang="en-GB" sz="900" spc="-2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SLM_9d24c14e21a9414cb0743556423d7622_Date">
            <a:extLst>
              <a:ext uri="{FF2B5EF4-FFF2-40B4-BE49-F238E27FC236}">
                <a16:creationId xmlns:a16="http://schemas.microsoft.com/office/drawing/2014/main" id="{225A555F-F85B-4553-8879-EC9409BD1FD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0057077" y="4869011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  <a:endParaRPr lang="en-GB" sz="800" b="1" spc="-22" dirty="0">
              <a:solidFill>
                <a:srgbClr val="FEBD69"/>
              </a:solidFill>
              <a:latin typeface="Verdana" panose="020B0604030504040204" pitchFamily="34" charset="0"/>
            </a:endParaRPr>
          </a:p>
        </p:txBody>
      </p:sp>
      <p:sp>
        <p:nvSpPr>
          <p:cNvPr id="59" name="OTLSHAPE_SLM_6dee0f2e2e6a4987b7874cf105fe86a0_Title">
            <a:extLst>
              <a:ext uri="{FF2B5EF4-FFF2-40B4-BE49-F238E27FC236}">
                <a16:creationId xmlns:a16="http://schemas.microsoft.com/office/drawing/2014/main" id="{BCD3DA38-6013-4562-9275-9DF29AAB9AF2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305632" y="4542621"/>
            <a:ext cx="787400" cy="2628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lt2"/>
                </a:solidFill>
                <a:latin typeface="Arial" panose="020B0604020202020204" pitchFamily="34" charset="0"/>
              </a:rPr>
              <a:t>Steps down as Amazon CEO</a:t>
            </a:r>
          </a:p>
        </p:txBody>
      </p:sp>
      <p:sp>
        <p:nvSpPr>
          <p:cNvPr id="60" name="OTLSHAPE_SLM_6dee0f2e2e6a4987b7874cf105fe86a0_Date">
            <a:extLst>
              <a:ext uri="{FF2B5EF4-FFF2-40B4-BE49-F238E27FC236}">
                <a16:creationId xmlns:a16="http://schemas.microsoft.com/office/drawing/2014/main" id="{AA32C83D-703D-47FC-9544-B6DE07844C8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034191" y="441913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2021</a:t>
            </a:r>
          </a:p>
        </p:txBody>
      </p:sp>
      <p:cxnSp>
        <p:nvCxnSpPr>
          <p:cNvPr id="3989" name="OTLSHAPE_TB_00000000000000000000000000000000_Separator1"/>
          <p:cNvCxnSpPr/>
          <p:nvPr>
            <p:custDataLst>
              <p:tags r:id="rId110"/>
            </p:custDataLst>
          </p:nvPr>
        </p:nvCxnSpPr>
        <p:spPr>
          <a:xfrm>
            <a:off x="2611115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1" name="OTLSHAPE_TB_00000000000000000000000000000000_Separator2"/>
          <p:cNvCxnSpPr/>
          <p:nvPr>
            <p:custDataLst>
              <p:tags r:id="rId111"/>
            </p:custDataLst>
          </p:nvPr>
        </p:nvCxnSpPr>
        <p:spPr>
          <a:xfrm>
            <a:off x="3475669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3" name="OTLSHAPE_TB_00000000000000000000000000000000_Separator3"/>
          <p:cNvCxnSpPr/>
          <p:nvPr>
            <p:custDataLst>
              <p:tags r:id="rId112"/>
            </p:custDataLst>
          </p:nvPr>
        </p:nvCxnSpPr>
        <p:spPr>
          <a:xfrm>
            <a:off x="4340619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5" name="OTLSHAPE_TB_00000000000000000000000000000000_Separator4"/>
          <p:cNvCxnSpPr/>
          <p:nvPr>
            <p:custDataLst>
              <p:tags r:id="rId113"/>
            </p:custDataLst>
          </p:nvPr>
        </p:nvCxnSpPr>
        <p:spPr>
          <a:xfrm>
            <a:off x="5205173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7" name="OTLSHAPE_TB_00000000000000000000000000000000_Separator5"/>
          <p:cNvCxnSpPr/>
          <p:nvPr>
            <p:custDataLst>
              <p:tags r:id="rId114"/>
            </p:custDataLst>
          </p:nvPr>
        </p:nvCxnSpPr>
        <p:spPr>
          <a:xfrm>
            <a:off x="6070123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99" name="OTLSHAPE_TB_00000000000000000000000000000000_Separator6"/>
          <p:cNvCxnSpPr/>
          <p:nvPr>
            <p:custDataLst>
              <p:tags r:id="rId115"/>
            </p:custDataLst>
          </p:nvPr>
        </p:nvCxnSpPr>
        <p:spPr>
          <a:xfrm>
            <a:off x="6934677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01" name="OTLSHAPE_TB_00000000000000000000000000000000_Separator7"/>
          <p:cNvCxnSpPr/>
          <p:nvPr>
            <p:custDataLst>
              <p:tags r:id="rId116"/>
            </p:custDataLst>
          </p:nvPr>
        </p:nvCxnSpPr>
        <p:spPr>
          <a:xfrm>
            <a:off x="7799627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0" name="OTLSHAPE_TB_00000000000000000000000000000000_Separator8">
            <a:extLst>
              <a:ext uri="{FF2B5EF4-FFF2-40B4-BE49-F238E27FC236}">
                <a16:creationId xmlns:a16="http://schemas.microsoft.com/office/drawing/2014/main" id="{5EA4E572-FF16-4C01-A020-BAC6CFDCA320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8664181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2" name="OTLSHAPE_TB_00000000000000000000000000000000_Separator9">
            <a:extLst>
              <a:ext uri="{FF2B5EF4-FFF2-40B4-BE49-F238E27FC236}">
                <a16:creationId xmlns:a16="http://schemas.microsoft.com/office/drawing/2014/main" id="{FB8FDAF3-E434-45E8-897C-1F9EB1E30499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9529131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74" name="OTLSHAPE_TB_00000000000000000000000000000000_Separator10">
            <a:extLst>
              <a:ext uri="{FF2B5EF4-FFF2-40B4-BE49-F238E27FC236}">
                <a16:creationId xmlns:a16="http://schemas.microsoft.com/office/drawing/2014/main" id="{83DE23C1-D029-48D3-8C29-997E2AFA713A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10393686" y="949960"/>
            <a:ext cx="0" cy="203200"/>
          </a:xfrm>
          <a:prstGeom prst="line">
            <a:avLst/>
          </a:prstGeom>
          <a:ln w="9525" cap="flat" cmpd="sng" algn="ctr">
            <a:solidFill>
              <a:srgbClr val="131921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M_8985b6ae27254a20bd5ab7ea1a975949_Shape">
            <a:extLst>
              <a:ext uri="{FF2B5EF4-FFF2-40B4-BE49-F238E27FC236}">
                <a16:creationId xmlns:a16="http://schemas.microsoft.com/office/drawing/2014/main" id="{72674B4A-6EFC-4454-9188-67B5A51E7219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1742133" y="59436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M_6707c99a571a45fda041b48d30fe72e1_Shape">
            <a:extLst>
              <a:ext uri="{FF2B5EF4-FFF2-40B4-BE49-F238E27FC236}">
                <a16:creationId xmlns:a16="http://schemas.microsoft.com/office/drawing/2014/main" id="{63810756-6B22-4B37-9C17-9EC3E670A144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6138301" y="59436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M_f14437adaab14b55919b355a0488a040_Shape">
            <a:extLst>
              <a:ext uri="{FF2B5EF4-FFF2-40B4-BE49-F238E27FC236}">
                <a16:creationId xmlns:a16="http://schemas.microsoft.com/office/drawing/2014/main" id="{19F81DAF-351A-4401-AF02-FF507D6AA403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0674155" y="594360"/>
            <a:ext cx="304800" cy="330200"/>
          </a:xfrm>
          <a:prstGeom prst="diamond">
            <a:avLst/>
          </a:prstGeom>
          <a:solidFill>
            <a:srgbClr val="C6080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028" name="OTLSHAPE_M_8985b6ae27254a20bd5ab7ea1a975949_Title"/>
          <p:cNvSpPr txBox="1"/>
          <p:nvPr>
            <p:custDataLst>
              <p:tags r:id="rId123"/>
            </p:custDataLst>
          </p:nvPr>
        </p:nvSpPr>
        <p:spPr>
          <a:xfrm>
            <a:off x="1149043" y="301329"/>
            <a:ext cx="1498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0" i="0" u="none" strike="noStrike" kern="1200" cap="none" spc="-4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Jeffrey Preston Bezos is born</a:t>
            </a:r>
            <a:endParaRPr kumimoji="0" lang="ro-RO" sz="900" b="0" i="0" u="none" strike="noStrike" kern="1200" cap="none" spc="-4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4029" name="OTLSHAPE_M_8985b6ae27254a20bd5ab7ea1a975949_Date"/>
          <p:cNvSpPr txBox="1"/>
          <p:nvPr>
            <p:custDataLst>
              <p:tags r:id="rId124"/>
            </p:custDataLst>
          </p:nvPr>
        </p:nvSpPr>
        <p:spPr>
          <a:xfrm>
            <a:off x="1398047" y="445474"/>
            <a:ext cx="10033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o-RO" sz="800" b="1" i="0" u="none" strike="noStrike" kern="1200" cap="none" spc="-10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January 12, 1964</a:t>
            </a:r>
          </a:p>
        </p:txBody>
      </p:sp>
      <p:sp>
        <p:nvSpPr>
          <p:cNvPr id="111" name="OTLSHAPE_M_f14437adaab14b55919b355a0488a040_Title">
            <a:extLst>
              <a:ext uri="{FF2B5EF4-FFF2-40B4-BE49-F238E27FC236}">
                <a16:creationId xmlns:a16="http://schemas.microsoft.com/office/drawing/2014/main" id="{F9082533-9B6B-46E4-BBF2-EF21334A3E0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985793" y="301329"/>
            <a:ext cx="1689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6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t>To become world’s 1st trillionaire </a:t>
            </a:r>
          </a:p>
        </p:txBody>
      </p:sp>
      <p:sp>
        <p:nvSpPr>
          <p:cNvPr id="120" name="OTLSHAPE_M_f14437adaab14b55919b355a0488a040_Date">
            <a:extLst>
              <a:ext uri="{FF2B5EF4-FFF2-40B4-BE49-F238E27FC236}">
                <a16:creationId xmlns:a16="http://schemas.microsoft.com/office/drawing/2014/main" id="{37012B40-A82B-49F1-BC1D-A4C488CF374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0682113" y="44547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2" normalizeH="0" baseline="0" noProof="0" dirty="0">
                <a:ln>
                  <a:noFill/>
                </a:ln>
                <a:solidFill>
                  <a:srgbClr val="FEBD69"/>
                </a:solidFill>
                <a:effectLst/>
                <a:uLnTx/>
                <a:uFillTx/>
                <a:latin typeface="Verdana" panose="020B060403050404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4" name="OTLSHAPE_M_6707c99a571a45fda041b48d30fe72e1_Title">
            <a:extLst>
              <a:ext uri="{FF2B5EF4-FFF2-40B4-BE49-F238E27FC236}">
                <a16:creationId xmlns:a16="http://schemas.microsoft.com/office/drawing/2014/main" id="{750A1C9D-D813-4D14-B60A-E9816E772A1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286617" y="301329"/>
            <a:ext cx="201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spc="-4" dirty="0">
                <a:solidFill>
                  <a:schemeClr val="lt2"/>
                </a:solidFill>
                <a:latin typeface="Arial" panose="020B0604020202020204" pitchFamily="34" charset="0"/>
              </a:rPr>
              <a:t>Founds Amazon as an online bookstore</a:t>
            </a:r>
            <a:endParaRPr lang="en-US" sz="900" spc="-4" dirty="0">
              <a:solidFill>
                <a:schemeClr val="lt2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M_6707c99a571a45fda041b48d30fe72e1_Date">
            <a:extLst>
              <a:ext uri="{FF2B5EF4-FFF2-40B4-BE49-F238E27FC236}">
                <a16:creationId xmlns:a16="http://schemas.microsoft.com/office/drawing/2014/main" id="{A9DF35F6-7B59-43E4-8F24-3CBEE8753D9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146259" y="445474"/>
            <a:ext cx="292100" cy="1234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2" dirty="0">
                <a:solidFill>
                  <a:srgbClr val="FEBD69"/>
                </a:solidFill>
                <a:latin typeface="Verdana" panose="020B0604030504040204" pitchFamily="34" charset="0"/>
              </a:rPr>
              <a:t>1994</a:t>
            </a:r>
          </a:p>
        </p:txBody>
      </p:sp>
      <p:pic>
        <p:nvPicPr>
          <p:cNvPr id="278" name="Picture 277">
            <a:extLst>
              <a:ext uri="{FF2B5EF4-FFF2-40B4-BE49-F238E27FC236}">
                <a16:creationId xmlns:a16="http://schemas.microsoft.com/office/drawing/2014/main" id="{8BE2255C-B766-4203-B699-0663C3196460}"/>
              </a:ext>
            </a:extLst>
          </p:cNvPr>
          <p:cNvPicPr>
            <a:picLocks noChangeAspect="1"/>
          </p:cNvPicPr>
          <p:nvPr/>
        </p:nvPicPr>
        <p:blipFill>
          <a:blip r:embed="rId1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64357" y="4040372"/>
            <a:ext cx="3593912" cy="2817628"/>
          </a:xfrm>
          <a:prstGeom prst="rect">
            <a:avLst/>
          </a:prstGeom>
        </p:spPr>
      </p:pic>
      <p:pic>
        <p:nvPicPr>
          <p:cNvPr id="4033" name="Picture 4032">
            <a:extLst>
              <a:ext uri="{FF2B5EF4-FFF2-40B4-BE49-F238E27FC236}">
                <a16:creationId xmlns:a16="http://schemas.microsoft.com/office/drawing/2014/main" id="{952F93E5-9CBD-7E9A-CCB3-AFA6D0F0EF5F}"/>
              </a:ext>
            </a:extLst>
          </p:cNvPr>
          <p:cNvPicPr>
            <a:picLocks noChangeAspect="1"/>
          </p:cNvPicPr>
          <p:nvPr/>
        </p:nvPicPr>
        <p:blipFill>
          <a:blip r:embed="rId1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286771" y="5227767"/>
            <a:ext cx="2418806" cy="27432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598669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NjdlMmY1Zi1jMDNjLTQ2ZjYtYTYxZS05ZTQ5YTI3MmQwYjMiLCJJbmRleCI6NywiR3JvdXBJZCI6ImZmYmY1YjMwLTcwMDQtNDFlZS1hZjg2LWUwMWJjNDAzMWI4ZSIsIlRpdGxlIjoiU2F1ZGkgaGFja2luZyBhY2N1c2F0aW9uIiwiRGF0ZVRpbWUiOiIyMDE5LTAzLTMxVDIzOjU5OjAwIiwiUGVyY2VudGFnZUNvbXBsZXRlIjpudWxsLCJOb3RlIjpudWxsLCJTdHlsZSI6eyIkaWQiOiI2IiwiVGl0bGVQb3NpdGlvbiI6IlJpZ2h0IiwiRGF0ZVBvc2l0aW9uIjoiQWJvdmUiLCJTaGFwZVR5cGUiOjI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udWxsLCJQYXJlbnRTdHlsZSI6bnVsbH0sIkRhdGVGb3JtYXQiOnsiJGlkIjoiMj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m51bGwsIlBhcmVudFN0eWxlIjpudWxsfSwiRGF0ZUZvcm1hdCI6eyIkaWQiOiI1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1MyIsIkNvbG9yIjp7IiRpZCI6IjE1NCIsIkEiOjAsIlIiOjI1NSwiRyI6MjU1LCJCIjoyNTV9fSwiSXNWaXNpYmxlIjp0cnVlLCJXaWR0aCI6MC4wLCJIZWlnaHQiOjAuMCwiQm9yZGVyU3R5bGUiOm51bGwsIlBhcmVudFN0eWxlIjpudWxsfSwiRGF0ZUZvcm1hdCI6eyIkaWQiOiIx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udWxsLCJJc1Zpc2libGUiOnRydWUsIldpZHRoIjowLjAsIkhlaWdodCI6MC4wLCJCb3JkZXJTdHlsZSI6bnVsbCwiUGFyZW50U3R5bGUiOm51bGx9LCJSZWN0YW5nbGV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aWQiOiIyNjciLCJDb2xvciI6eyIkaWQiOiIyNjgiLCJBIjowLCJSIjoyNTUsIkciOjI1NSwiQiI6MjU1fX0sIklzVmlzaWJsZSI6dHJ1ZSwiV2lkdGgiOjAuMCwiSGVpZ2h0IjowLjAsIkJvcmRlclN0eWxlIjpudWxsLCJQYXJlbnRTdHlsZSI6bnVsbH0sIkRhdGVGb3JtYXQiOnsiJGlkIjoiMjY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udWxsLCJQYXJlbnRTdHlsZSI6bnVsbH0sIkRhdGVGb3JtYXQiOnsiJGlkIjoiMjk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bnVsbCwiUGFyZW50U3R5bGUiOm51bGx9LCJEYXRlRm9ybWF0Ijp7IiRpZCI6IjM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0cnVlLCJXaWR0aCI6MC4wLCJIZWlnaHQiOjAuMCwiQm9yZGVyU3R5bGUiOm51bGwsIlBhcmVudFN0eWxlIjpudWxsfSwiRGF0ZUZvcm1hdCI6eyIkaWQiOiIzN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bnVsbCwiSXNWaXNpYmxlIjp0cnVlLCJXaWR0aCI6MC4wLCJIZWlnaHQiOjAuMCwiQm9yZGVyU3R5bGUiOm51bGwsIlBhcmVudFN0eWxlIjpudWxsfSwiUmVjdGFuZ2xlU3R5bGUiOnsiJGlkIjoiMzYyIiwiTWFyZ2luIjp7IiRpZCI6IjM2MyIsIlRvcCI6MC4wLCJMZWZ0IjowLjAsIlJpZ2h0IjowLjAsIkJvdHRvbSI6MC4wfSwiUGFkZGluZyI6eyIkaWQiOiIzNjQiLCJUb3AiOjAuMCwiTGVmdCI6MC4wLCJSaWdodCI6MC4wLCJCb3R0b20iOjAuMH0sIkJhY2tncm91bmQiOnsiJGlkIjoiMzY1IiwiQ29sb3IiOnsiJGlkIjoiMzY2IiwiQSI6NjMsIlIiOjI0OCwiRyI6MTUyLCJCIjoyOX19LCJJc1Zpc2libGUiOnRydWUsIldpZHRoIjowLjAsIkhlaWdodCI6MC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I1NSwiRyI6MjU1LCJCIjoyNTV9fSwiSXNWaXNpYmxlIjp0cnVlLCJXaWR0aCI6MC4wLCJIZWlnaHQiOjAuMCwiQm9yZGVyU3R5bGUiOm51bGwsIlBhcmVudFN0eWxlIjpudWxsfSwiRGF0ZUZvcm1hdCI6eyIkaWQiOiI1M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I1NSwiRyI6MjU1LCJCIjoyNTV9fSwiSXNWaXNpYmxlIjp0cnVlLCJXaWR0aCI6MC4wLCJIZWlnaHQiOjAuMCwiQm9yZGVyU3R5bGUiOm51bGwsIlBhcmVudFN0eWxlIjpudWxsfSwiRGF0ZUZvcm1hdCI6eyIkaWQiOiI1Nj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2NDMiLCJDb2xvciI6eyIkaWQiOiI2NDQiLCJBIjowLCJSIjoyNTUsIkciOjI1NSwiQiI6MjU1fX0sIklzVmlzaWJsZSI6dHJ1ZSwiV2lkdGgiOjAuMCwiSGVpZ2h0IjowLjAsIkJvcmRlclN0eWxlIjpudWxsLCJQYXJlbnRTdHlsZSI6bnVsbH0sIkRhdGVGb3JtYXQiOnsiJGlkIjoiNjQ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AsIlIiOjI1NSwiRyI6MjU1LCJCIjoyNTV9fSwiSXNWaXNpYmxlIjp0cnVlLCJXaWR0aCI6MC4wLCJIZWlnaHQiOjAuMCwiQm9yZGVyU3R5bGUiOm51bGwsIlBhcmVudFN0eWxlIjpudWxsfSwiRGF0ZUZvcm1hdCI6eyIkaWQiOiI2N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Njg2IiwiQ29sb3IiOnsiJGlkIjoiNjg3IiwiQSI6MCwiUiI6MjU1LCJHIjoyNTUsIkIiOjI1NX19LCJJc1Zpc2libGUiOnRydWUsIldpZHRoIjowLjAsIkhlaWdodCI6MC4wLCJCb3JkZXJTdHlsZSI6bnVsbCwiUGFyZW50U3R5bGUiOm51bGx9LCJEYXRlU3R5bGUiOnsiJGlkIjoiNjg4IiwiRm9udFNldHRpbmdzIjp7IiRpZCI6IjY4OSIsIkZvbnRTaXplIjo4LCJGb250TmFtZSI6IlZlcmRhbmEiLCJJc0JvbGQiOnRydWUsIklzSXRhbGljIjpmYWxzZSwiSXNVbmRlcmxpbmVkIjpmYWxzZSwiUGFyZW50U3R5bGUiOm51bGx9LCJBdXRvU2l6ZSI6MCwiRm9yZWdyb3VuZCI6eyIkaWQiOiI2OTAiLCJDb2xvciI6eyIkaWQiOiI2OTE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jkyIiwiQ29sb3IiOnsiJGlkIjoiNjkzIiwiQSI6MCwiUiI6MjU1LCJHIjoyNTUsIkIiOjI1NX19LCJJc1Zpc2libGUiOnRydWUsIldpZHRoIjowLjAsIkhlaWdodCI6MC4wLCJCb3JkZXJTdHlsZSI6bnVsbCwiUGFyZW50U3R5bGUiOm51bGx9LCJEYXRlRm9ybWF0Ijp7IiRpZCI6IjY5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k1IiwiRGF0ZVBhcnRJc1Zpc2libGUiOnRydWUsIlRpbWVQYXJ0SXNWaXNpYmxlIjpmYWxzZX19LCJXZWVrTnVtYmVyaW5nIjp7IiRpZCI6IjY5Ni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3MTIiLCJDb2xvciI6eyIkaWQiOiI3MTMiLCJBIjowLCJSIjoyNTUsIkciOjI1NSwiQiI6MjU1fX0sIklzVmlzaWJsZSI6dHJ1ZSwiV2lkdGgiOjAuMCwiSGVpZ2h0IjowLjAsIkJvcmRlclN0eWxlIjpudWxsLCJQYXJlbnRTdHlsZSI6bnVsbH0sIkRhdGVGb3JtYXQiOnsiJGlkIjoiNzE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zg1IiwiQ29sb3IiOnsiJGlkIjoiNzg2IiwiQSI6MCwiUiI6MjU1LCJHIjoyNTUsIkIiOjI1NX19LCJJc1Zpc2libGUiOnRydWUsIldpZHRoIjowLjAsIkhlaWdodCI6MC4wLCJCb3JkZXJTdHlsZSI6bnVsbCwiUGFyZW50U3R5bGUiOm51bGx9LCJEYXRlRm9ybWF0Ijp7IiRpZCI6Ijc4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4MDYiLCJDb2xvciI6eyIkaWQiOiI4MDciLCJBIjowLCJSIjoyNTUsIkciOjI1NSwiQiI6MjU1fX0sIklzVmlzaWJsZSI6dHJ1ZSwiV2lkdGgiOjAuMCwiSGVpZ2h0IjowLjAsIkJvcmRlclN0eWxlIjpudWxsLCJQYXJlbnRTdHlsZSI6bnVsbH0sIkRhdGVGb3JtYXQiOnsiJGlkIjoiOD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yOCIsIkNvbG9yIjp7IiRpZCI6IjgyOSIsIkEiOjAsIlIiOjI1NSwiRyI6MjU1LCJCIjoyNTV9fSwiSXNWaXNpYmxlIjp0cnVlLCJXaWR0aCI6MC4wLCJIZWlnaHQiOjAuMCwiQm9yZGVyU3R5bGUiOm51bGwsIlBhcmVudFN0eWxlIjpudWxsfSwiRGF0ZUZvcm1hdCI6eyIkaWQiOiI4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ODY5IiwiQ29sb3IiOnsiJGlkIjoiODcwIiwiQSI6MCwiUiI6MjU1LCJHIjoyNTUsIkIiOjI1NX19LCJJc1Zpc2libGUiOnRydWUsIldpZHRoIjowLjAsIkhlaWdodCI6MC4wLCJCb3JkZXJTdHlsZSI6bnVsbCwiUGFyZW50U3R5bGUiOm51bGx9LCJEYXRlRm9ybWF0Ijp7IiRpZCI6Ijg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g5MCIsIkNvbG9yIjp7IiRpZCI6Ijg5MSIsIkEiOjAsIlIiOjI1NSwiRyI6MjU1LCJCIjoyNTV9fSwiSXNWaXNpYmxlIjp0cnVlLCJXaWR0aCI6MC4wLCJIZWlnaHQiOjAuMCwiQm9yZGVyU3R5bGUiOm51bGwsIlBhcmVudFN0eWxlIjpudWxsfSwiRGF0ZUZvcm1hdCI6eyIkaWQiOiI4O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OTA2IiwiQ29sb3IiOnsiJGlkIjoiOTA3IiwiQSI6MCwiUiI6MjU1LCJHIjoyNTUsIkIiOjI1NX19LCJJc1Zpc2libGUiOnRydWUsIldpZHRoIjowLjAsIkhlaWdodCI6MC4wLCJCb3JkZXJTdHlsZSI6bnVsbCwiUGFyZW50U3R5bGUiOm51bGx9LCJEYXRlU3R5bGUiOnsiJGlkIjoiOTA4IiwiRm9udFNldHRpbmdzIjp7IiRpZCI6IjkwOSIsIkZvbnRTaXplIjo4LCJGb250TmFtZSI6IlZlcmRhbmEiLCJJc0JvbGQiOnRydWUsIklzSXRhbGljIjpmYWxzZSwiSXNVbmRlcmxpbmVkIjpmYWxzZSwiUGFyZW50U3R5bGUiOm51bGx9LCJBdXRvU2l6ZSI6MCwiRm9yZWdyb3VuZCI6eyIkcmVmIjoiNTg4In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kxMCIsIkNvbG9yIjp7IiRpZCI6IjkxMSIsIkEiOjAsIlIiOjI1NSwiRyI6MjU1LCJCIjoyNTV9fSwiSXNWaXNpYmxlIjp0cnVlLCJXaWR0aCI6MC4wLCJIZWlnaHQiOjAuMCwiQm9yZGVyU3R5bGUiOm51bGwsIlBhcmVudFN0eWxlIjpudWxsfSwiRGF0ZUZvcm1hdCI6eyIkaWQiOiI5MT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xNyJ9LCJQYWRkaW5nIjp7IiRyZWYiOiIxOCJ9LCJCYWNrZ3JvdW5kIjp7IiRpZCI6IjEwNDMiLCJDb2xvciI6eyIkcmVmIjoiMTAxNSJ9fSwiSXNWaXNpYmxlIjp0cnVlLCJXaWR0aCI6MC4wLCJIZWlnaHQiOjAuMCwiQm9yZGVyU3R5bGUiOm51bGwsIlBhcmVudFN0eWxlIjpudWxsfSwiRGF0ZVN0eWxlIjp7IiRpZCI6IjEwNDQiLCJGb250U2V0dGluZ3MiOnsiJGlkIjoiMTA0NSIsIkZvbnRTaXplIjo4LCJGb250TmFtZSI6IlZlcmRhbmEiLCJJc0JvbGQiOnRydWUsIklzSXRhbGljIjpmYWxzZSwiSXNVbmRlcmxpbmVkIjpmYWxzZSwiUGFyZW50U3R5bGUiOm51bGx9LCJBdXRvU2l6ZSI6MCwiRm9yZWdyb3VuZCI6eyIkcmVmIjoiNTg4In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EwNDYiLCJDb2xvciI6eyIkcmVmIjoiMTAxNSJ9fSwiSXNWaXNpYmxlIjp0cnVlLCJXaWR0aCI6MC4wLCJIZWlnaHQiOjAuMCwiQm9yZGVyU3R5bGUiOm51bGwsIlBhcmVudFN0eWxlIjpudWxsfSwiRGF0ZUZvcm1hdCI6eyIkaWQiOiIxMDQ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HJlZiI6IjEwMTUifX0sIklzVmlzaWJsZSI6dHJ1ZSwiV2lkdGgiOjAuMCwiSGVpZ2h0IjowLjAsIkJvcmRlclN0eWxlIjpudWxsLCJQYXJlbnRTdHlsZSI6bnVsbH0sIkRhdGVTdHlsZSI6eyIkaWQiOiIxMDg2IiwiRm9udFNldHRpbmdzIjp7IiRpZCI6IjEwODciLCJGb250U2l6ZSI6MTAsIkZvbnROYW1lIjoiQ2FsaWJyaSIsIklzQm9sZCI6ZmFsc2UsIklzSXRhbGljIjpmYWxzZSwiSXNVbmRlcmxpbmVkIjpmYWxzZSwiUGFyZW50U3R5bGUiOm51bGx9LCJBdXRvU2l6ZSI6MCwiRm9yZWdyb3VuZCI6eyIkaWQiOiIxMDg4IiwiQ29sb3IiOnsiJGlkIjoiMTA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MCIsIlRvcCI6MC4wLCJMZWZ0IjowLjAsIlJpZ2h0IjowLjAsIkJvdHRvbSI6MC4wfSwiUGFkZGluZyI6eyIkaWQiOiIxMDkxIiwiVG9wIjowLjAsIkxlZnQiOjAuMCwiUmlnaHQiOjAuMCwiQm90dG9tIjowLjB9LCJCYWNrZ3JvdW5kIjp7IiRpZCI6IjEwOTIiLCJDb2xvciI6eyIkcmVmIjoiMTAxNSJ9fSwiSXNWaXNpYmxlIjp0cnVlLCJXaWR0aCI6MC4wLCJIZWlnaHQiOjAuMCwiQm9yZGVyU3R5bGUiOm51bGwsIlBhcmVudFN0eWxlIjpudWxsfSwiRGF0ZUZvcm1hdCI6eyIkaWQiOiIxM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QiLCJGb3JtYXQiOjAsIklzVmlzaWJsZSI6ZmFsc2UsIkxhc3RLbm93blZpc2liaWxpdHlTdGF0ZSI6ZmFsc2V9LCJJc1Zpc2libGUiOnRydWUsIlBhcmVudFN0eWxlIjpudWxsLCJfZXhwbGljaXRseVNldCI6eyIkaWQiOiIxMDk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EwOCIsIkFjdGl2aXR5SGVhZGVyV2lkdGgiOjAuMCwiSXNTZXQiOmZhbHNlfSwiRGVmYXVsdFN3aW1sYW5lU3R5bGUiOnsiJGlkIjoiMTEwOSIsIkhlYWRlclN0eWxlIjp7IiRpZCI6IjExMTAiLCJUZXh0U3R5bGUiOnsiJGlkIjoiMTExMSIsIkZvbnRTZXR0aW5ncyI6eyIkaWQiOiIxMTEyIiwiRm9udFNpemUiOjEyLCJGb250TmFtZSI6IkNhbGlicmkiLCJJc0JvbGQiOmZhbHNlLCJJc0l0YWxpYyI6ZmFsc2UsIklzVW5kZXJsaW5lZCI6ZmFsc2UsIlBhcmVudFN0eWxlIjpudWxsfSwiQXV0b1NpemUiOjAsIkZvcmVncm91bmQiOnsiJGlkIjoiMTExMyIsIkNvbG9yIjp7IiRpZCI6IjExMT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xOTIiLCJDb2xvciI6eyIkaWQiOiIxMTkzIiwiQSI6MCwiUiI6MjU1LCJHIjoyNTUsIkIiOjI1NX19LCJJc1Zpc2libGUiOnRydWUsIldpZHRoIjowLjAsIkhlaWdodCI6MC4wLCJCb3JkZXJTdHlsZSI6eyIkaWQiOiIxMTk0IiwiTGluZUNvbG9yIjpudWxsLCJMaW5lV2VpZ2h0IjowLjAsIkxpbmVUeXBlIjowLCJQYXJlbnRTdHlsZSI6bnVsbH0sIlBhcmVudFN0eWxlIjpudWxsfSwiRGF0ZUZvcm1hdCI6eyIkaWQiOiIxMTk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yMjIiLCJDb2xvciI6eyIkaWQiOiIxMjIzIiwiQSI6MCwiUiI6MjU1LCJHIjoyNTUsIkIiOjI1NX19LCJJc1Zpc2libGUiOnRydWUsIldpZHRoIjowLjAsIkhlaWdodCI6MC4wLCJCb3JkZXJTdHlsZSI6eyIkaWQiOiIxMjI0IiwiTGluZUNvbG9yIjpudWxsLCJMaW5lV2VpZ2h0IjowLjAsIkxpbmVUeXBlIjowLCJQYXJlbnRTdHlsZSI6bnVsbH0sIlBhcmVudFN0eWxlIjpudWxsfSwiRGF0ZUZvcm1hdCI6eyIkaWQiOiIxMjI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yNjMiLCJJbXBhT3B0aW9ucyI6eyIkaWQiOiIxMjY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mZhbHNlLCJJbXBvcnRUeXBlIjowLCJGaWxlUGF0aCI6bnVsbCwiVGltZUNvbmZpZ3VyYXRpb24iOnsiJGlkIjoiMTI2NS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arries novelist MacKenzie Tuttle"/>
  <p:tag name="OTLDATE" val="1993-01-12T00:00:00.0000000"/>
  <p:tag name="OTLPOSITIONONTASK" val="None"/>
  <p:tag name="OTLRELATEDTASKID" val="00000000-0000-0000-0000-000000000000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lectrical engineering &amp; computer science degrees from Princeton (Summa Cum Laude)"/>
  <p:tag name="OTLDATE" val="1986-01-12T00:00:00.0000000"/>
  <p:tag name="OTLPOSITIONONTASK" val="None"/>
  <p:tag name="OTLRELATEDTASKID" val="00000000-0000-0000-0000-00000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ffrey Preston Bezos is born"/>
  <p:tag name="OTLDATE" val="1964-01-12T00:00:00.0000000"/>
  <p:tag name="OTLPOSITIONONTASK" val="None"/>
  <p:tag name="OTLRELATEDTASKID" val="00000000-0000-0000-0000-000000000000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s Amazon as an online bookstore"/>
  <p:tag name="OTLDATE" val="1994-07-14T00:00:00.0000000"/>
  <p:tag name="OTLPOSITIONONTASK" val="None"/>
  <p:tag name="OTLRELATEDTASKID" val="00000000-0000-0000-0000-000000000000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o become world’s 1st trillionaire "/>
  <p:tag name="OTLDATE" val="2026-01-01T23:59:00.0000000"/>
  <p:tag name="OTLPOSITIONONTASK" val="None"/>
  <p:tag name="OTLRELATEDTASKID" val="00000000-0000-0000-0000-00000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duates from high school as valedictorian"/>
  <p:tag name="OTLDATE" val="1982-01-12T00:00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rolls at Miami Palmetto High School"/>
  <p:tag name="OTLDATE" val="1978-01-12T00:00:00.0000000"/>
  <p:tag name="OTLPOSITIONONTASK" val="None"/>
  <p:tag name="OTLRELATEDTASKID" val="00000000-0000-0000-0000-00000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norary doctorate from Carnegie Mellon Univ."/>
  <p:tag name="OTLDATE" val="2008-01-12T00:00:00.0000000"/>
  <p:tag name="OTLPOSITIONONTASK" val="None"/>
  <p:tag name="OTLRELATEDTASKID" val="00000000-0000-0000-0000-00000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s Amazon as an online bookstore"/>
  <p:tag name="OTLDATE" val="1994-07-14T00:00:00.0000000"/>
  <p:tag name="OTLPOSITIONONTASK" val="None"/>
  <p:tag name="OTLRELATEDTASKID" val="00000000-0000-0000-0000-000000000000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ired as product manager at Bankers Trust"/>
  <p:tag name="OTLDATE" val="1988-01-12T00:00:00.0000000"/>
  <p:tag name="OTLPOSITIONONTASK" val="None"/>
  <p:tag name="OTLRELATEDTASKID" val="00000000-0000-0000-0000-00000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urchases The Washington Post"/>
  <p:tag name="OTLDATE" val="2013-01-12T00:00:00.0000000"/>
  <p:tag name="OTLPOSITIONONTASK" val="None"/>
  <p:tag name="OTLRELATEDTASKID" val="00000000-0000-0000-0000-00000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ounds Blue Origin"/>
  <p:tag name="OTLDATE" val="2000-01-12T00:00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comes world's wealthiest person"/>
  <p:tag name="OTLDATE" val="2017-07-27T00:00:00.0000000"/>
  <p:tag name="OTLPOSITIONONTASK" val="None"/>
  <p:tag name="OTLRELATEDTASKID" val="00000000-0000-0000-0000-000000000000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akes Amazon public"/>
  <p:tag name="OTLDATE" val="1997-01-12T00:00:00.0000000"/>
  <p:tag name="OTLPOSITIONONTASK" val="None"/>
  <p:tag name="OTLRELATEDTASKID" val="00000000-0000-0000-0000-00000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versifies Amazon's product range"/>
  <p:tag name="OTLDATE" val="1998-01-12T00:00:00.0000000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ime Person of the Year "/>
  <p:tag name="OTLDATE" val="1999-01-12T00:00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ures contract with CIA"/>
  <p:tag name="OTLDATE" val="2013-01-12T00:00:00.0000000"/>
  <p:tag name="OTLPOSITIONONTASK" val="None"/>
  <p:tag name="OTLRELATEDTASKID" val="00000000-0000-0000-0000-00000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s to Seattle"/>
  <p:tag name="OTLDATE" val="1994-08-23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 Helicopter crash in West Texas"/>
  <p:tag name="OTLDATE" val="2003-03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s in Star Trek Beyond              "/>
  <p:tag name="OTLDATE" val="2016-07-21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  Divorces MacKenzie"/>
  <p:tag name="OTLDATE" val="2019-04-04T23:59:00.0000000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udi hacking accusation"/>
  <p:tag name="OTLDATE" val="2019-03-31T23:59:00.0000000"/>
  <p:tag name="OTLPOSITIONONTASK" val="Non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500,000 Worldreader"/>
  <p:tag name="OTLDATE" val="2013-01-01T23:59:00.0000000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1m Reporters Committee for Freedom of the Press"/>
  <p:tag name="OTLDATE" val="2017-06-23T23:59:00.0000000"/>
  <p:tag name="OTLPOSITIONONTASK" val="None"/>
  <p:tag name="OTLRELATEDTASKID" val="00000000-0000-0000-0000-00000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2bn Day 1 Families &amp; Day 1 Academies"/>
  <p:tag name="OTLDATE" val="2018-10-01T23:59:00.0000000"/>
  <p:tag name="OTLPOSITIONONTASK" val="None"/>
  <p:tag name="OTLRELATEDTASKID" val="00000000-0000-0000-0000-00000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33 m TheDream.US     "/>
  <p:tag name="OTLDATE" val="2018-01-12T23:59:00.0000000"/>
  <p:tag name="OTLPOSITIONONTASK" val="None"/>
  <p:tag name="OTLRELATEDTASKID" val="00000000-0000-0000-0000-00000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0-02-17T23:59:00.0000000"/>
  <p:tag name="OTLPOSITIONONTASK" val="None"/>
  <p:tag name="OTLRELATEDTASKID" val="00000000-0000-0000-0000-000000000000"/>
  <p:tag name="OTLMARKERSHAPE" val="OTL"/>
  <p:tag name="OTLMTITLE" val="$10bn Bezos Earth Fund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st public appearance with Lauren Sanchez"/>
  <p:tag name="OTLDATE" val="2019-07-14T23:59:00.0000000"/>
  <p:tag name="OTLPOSITIONONTASK" val="None"/>
  <p:tag name="OTLRELATEDTASKID" val="00000000-0000-0000-0000-00000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$100m Obama Foundation"/>
  <p:tag name="OTLDATE" val="2021-11-22T23:59:00.0000000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ARKERSHAPE" val="OTL"/>
  <p:tag name="OTLDATE" val="2021-09-01T00:00:00.0000000"/>
  <p:tag name="OTLMTITLE" val="Loses title of wealthiest person to Elon Musk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eps down as Amazon CEO"/>
  <p:tag name="OTLDATE" val="2021-07-05T00:00:00.0000000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False"/>
  <p:tag name="OTLTIMEBANDSTARTDATE" val="1963-01-01T00:00:00.0000000"/>
  <p:tag name="OTLTIMEBANDENDDATE" val="2027-02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89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  <p:tag name="OTLTIMEBANDSHAPEPADDINGLEFT" val="0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0</Words>
  <Application>Microsoft Office PowerPoint</Application>
  <PresentationFormat>Widescreen</PresentationFormat>
  <Paragraphs>8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Segoe UI</vt:lpstr>
      <vt:lpstr>Segoe UI Light</vt:lpstr>
      <vt:lpstr>Segoe UI Semibold</vt:lpstr>
      <vt:lpstr>Verdana</vt:lpstr>
      <vt:lpstr>1_Office Theme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6-29T12:11:36Z</dcterms:created>
  <dcterms:modified xsi:type="dcterms:W3CDTF">2022-07-26T08:23:52Z</dcterms:modified>
</cp:coreProperties>
</file>